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5\HP2405\"/>
    </mc:Choice>
  </mc:AlternateContent>
  <xr:revisionPtr revIDLastSave="0" documentId="8_{5DA8C1D2-92F9-4348-B203-C5FDF684D780}" xr6:coauthVersionLast="47" xr6:coauthVersionMax="47" xr10:uidLastSave="{00000000-0000-0000-0000-000000000000}"/>
  <bookViews>
    <workbookView xWindow="-108" yWindow="-108" windowWidth="23256" windowHeight="12576" xr2:uid="{4587D3B9-D414-49A2-B9F1-E3CD9D2F4EE5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6年5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6FE83788-D10E-48D2-AEFA-902FEE93C2F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62DE14-9DB3-4793-99D2-821BE988498E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57</v>
      </c>
      <c r="D5" s="18">
        <v>1212</v>
      </c>
      <c r="E5" s="18">
        <v>2269</v>
      </c>
      <c r="F5" s="19">
        <v>1239</v>
      </c>
      <c r="G5" s="20">
        <v>1057</v>
      </c>
      <c r="H5" s="21">
        <v>1210</v>
      </c>
      <c r="I5" s="21">
        <v>2267</v>
      </c>
      <c r="J5" s="22">
        <v>1236</v>
      </c>
      <c r="K5" s="23">
        <v>0</v>
      </c>
      <c r="L5" s="24">
        <v>-2</v>
      </c>
      <c r="M5" s="24">
        <v>-2</v>
      </c>
      <c r="N5" s="25">
        <v>-3</v>
      </c>
    </row>
    <row r="6" spans="1:14" ht="23.1" customHeight="1" x14ac:dyDescent="0.2">
      <c r="A6" s="26">
        <v>2</v>
      </c>
      <c r="B6" s="27" t="s">
        <v>11</v>
      </c>
      <c r="C6" s="28">
        <v>2274</v>
      </c>
      <c r="D6" s="29">
        <v>2424</v>
      </c>
      <c r="E6" s="29">
        <v>4698</v>
      </c>
      <c r="F6" s="30">
        <v>2368</v>
      </c>
      <c r="G6" s="31">
        <v>2283</v>
      </c>
      <c r="H6" s="32">
        <v>2433</v>
      </c>
      <c r="I6" s="32">
        <v>4716</v>
      </c>
      <c r="J6" s="33">
        <v>2376</v>
      </c>
      <c r="K6" s="34">
        <v>9</v>
      </c>
      <c r="L6" s="35">
        <v>9</v>
      </c>
      <c r="M6" s="35">
        <v>18</v>
      </c>
      <c r="N6" s="36">
        <v>8</v>
      </c>
    </row>
    <row r="7" spans="1:14" ht="23.1" customHeight="1" x14ac:dyDescent="0.2">
      <c r="A7" s="26">
        <v>3</v>
      </c>
      <c r="B7" s="27" t="s">
        <v>12</v>
      </c>
      <c r="C7" s="28">
        <v>1268</v>
      </c>
      <c r="D7" s="29">
        <v>1415</v>
      </c>
      <c r="E7" s="29">
        <v>2683</v>
      </c>
      <c r="F7" s="30">
        <v>1334</v>
      </c>
      <c r="G7" s="31">
        <v>1274</v>
      </c>
      <c r="H7" s="32">
        <v>1421</v>
      </c>
      <c r="I7" s="32">
        <v>2695</v>
      </c>
      <c r="J7" s="33">
        <v>1344</v>
      </c>
      <c r="K7" s="34">
        <v>6</v>
      </c>
      <c r="L7" s="35">
        <v>6</v>
      </c>
      <c r="M7" s="35">
        <v>12</v>
      </c>
      <c r="N7" s="36">
        <v>10</v>
      </c>
    </row>
    <row r="8" spans="1:14" ht="23.1" customHeight="1" x14ac:dyDescent="0.2">
      <c r="A8" s="26">
        <v>4</v>
      </c>
      <c r="B8" s="27" t="s">
        <v>13</v>
      </c>
      <c r="C8" s="28">
        <v>823</v>
      </c>
      <c r="D8" s="29">
        <v>925</v>
      </c>
      <c r="E8" s="29">
        <v>1748</v>
      </c>
      <c r="F8" s="30">
        <v>996</v>
      </c>
      <c r="G8" s="31">
        <v>832</v>
      </c>
      <c r="H8" s="32">
        <v>931</v>
      </c>
      <c r="I8" s="32">
        <v>1763</v>
      </c>
      <c r="J8" s="33">
        <v>1010</v>
      </c>
      <c r="K8" s="34">
        <v>9</v>
      </c>
      <c r="L8" s="35">
        <v>6</v>
      </c>
      <c r="M8" s="35">
        <v>15</v>
      </c>
      <c r="N8" s="36">
        <v>14</v>
      </c>
    </row>
    <row r="9" spans="1:14" ht="23.1" customHeight="1" x14ac:dyDescent="0.2">
      <c r="A9" s="26">
        <v>5</v>
      </c>
      <c r="B9" s="27" t="s">
        <v>14</v>
      </c>
      <c r="C9" s="28">
        <v>1601</v>
      </c>
      <c r="D9" s="29">
        <v>1901</v>
      </c>
      <c r="E9" s="29">
        <v>3502</v>
      </c>
      <c r="F9" s="30">
        <v>1878</v>
      </c>
      <c r="G9" s="31">
        <v>1591</v>
      </c>
      <c r="H9" s="32">
        <v>1895</v>
      </c>
      <c r="I9" s="32">
        <v>3486</v>
      </c>
      <c r="J9" s="33">
        <v>1873</v>
      </c>
      <c r="K9" s="34">
        <v>-10</v>
      </c>
      <c r="L9" s="35">
        <v>-6</v>
      </c>
      <c r="M9" s="35">
        <v>-16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797</v>
      </c>
      <c r="D10" s="29">
        <v>3015</v>
      </c>
      <c r="E10" s="29">
        <v>5812</v>
      </c>
      <c r="F10" s="30">
        <v>3204</v>
      </c>
      <c r="G10" s="31">
        <v>2812</v>
      </c>
      <c r="H10" s="32">
        <v>3008</v>
      </c>
      <c r="I10" s="32">
        <v>5820</v>
      </c>
      <c r="J10" s="33">
        <v>3228</v>
      </c>
      <c r="K10" s="34">
        <v>15</v>
      </c>
      <c r="L10" s="35">
        <v>-7</v>
      </c>
      <c r="M10" s="35">
        <v>8</v>
      </c>
      <c r="N10" s="36">
        <v>24</v>
      </c>
    </row>
    <row r="11" spans="1:14" ht="23.1" customHeight="1" x14ac:dyDescent="0.2">
      <c r="A11" s="26">
        <v>7</v>
      </c>
      <c r="B11" s="27" t="s">
        <v>16</v>
      </c>
      <c r="C11" s="28">
        <v>1959</v>
      </c>
      <c r="D11" s="29">
        <v>2056</v>
      </c>
      <c r="E11" s="29">
        <v>4015</v>
      </c>
      <c r="F11" s="30">
        <v>2061</v>
      </c>
      <c r="G11" s="31">
        <v>1950</v>
      </c>
      <c r="H11" s="32">
        <v>2038</v>
      </c>
      <c r="I11" s="32">
        <v>3988</v>
      </c>
      <c r="J11" s="33">
        <v>2046</v>
      </c>
      <c r="K11" s="34">
        <v>-9</v>
      </c>
      <c r="L11" s="35">
        <v>-18</v>
      </c>
      <c r="M11" s="35">
        <v>-27</v>
      </c>
      <c r="N11" s="36">
        <v>-15</v>
      </c>
    </row>
    <row r="12" spans="1:14" ht="23.1" customHeight="1" x14ac:dyDescent="0.2">
      <c r="A12" s="26">
        <v>8</v>
      </c>
      <c r="B12" s="27" t="s">
        <v>17</v>
      </c>
      <c r="C12" s="28">
        <v>1230</v>
      </c>
      <c r="D12" s="29">
        <v>1339</v>
      </c>
      <c r="E12" s="29">
        <v>2569</v>
      </c>
      <c r="F12" s="30">
        <v>1351</v>
      </c>
      <c r="G12" s="31">
        <v>1228</v>
      </c>
      <c r="H12" s="32">
        <v>1330</v>
      </c>
      <c r="I12" s="32">
        <v>2558</v>
      </c>
      <c r="J12" s="33">
        <v>1343</v>
      </c>
      <c r="K12" s="34">
        <v>-2</v>
      </c>
      <c r="L12" s="35">
        <v>-9</v>
      </c>
      <c r="M12" s="35">
        <v>-11</v>
      </c>
      <c r="N12" s="36">
        <v>-8</v>
      </c>
    </row>
    <row r="13" spans="1:14" ht="23.1" customHeight="1" x14ac:dyDescent="0.2">
      <c r="A13" s="26">
        <v>9</v>
      </c>
      <c r="B13" s="27" t="s">
        <v>18</v>
      </c>
      <c r="C13" s="28">
        <v>3065</v>
      </c>
      <c r="D13" s="29">
        <v>3382</v>
      </c>
      <c r="E13" s="29">
        <v>6447</v>
      </c>
      <c r="F13" s="30">
        <v>3217</v>
      </c>
      <c r="G13" s="31">
        <v>3063</v>
      </c>
      <c r="H13" s="32">
        <v>3367</v>
      </c>
      <c r="I13" s="32">
        <v>6430</v>
      </c>
      <c r="J13" s="33">
        <v>3222</v>
      </c>
      <c r="K13" s="34">
        <v>-2</v>
      </c>
      <c r="L13" s="35">
        <v>-15</v>
      </c>
      <c r="M13" s="35">
        <v>-17</v>
      </c>
      <c r="N13" s="36">
        <v>5</v>
      </c>
    </row>
    <row r="14" spans="1:14" ht="23.1" customHeight="1" x14ac:dyDescent="0.2">
      <c r="A14" s="26">
        <v>10</v>
      </c>
      <c r="B14" s="27" t="s">
        <v>19</v>
      </c>
      <c r="C14" s="28">
        <v>5646</v>
      </c>
      <c r="D14" s="29">
        <v>6079</v>
      </c>
      <c r="E14" s="29">
        <v>11725</v>
      </c>
      <c r="F14" s="30">
        <v>5813</v>
      </c>
      <c r="G14" s="31">
        <v>5654</v>
      </c>
      <c r="H14" s="32">
        <v>6075</v>
      </c>
      <c r="I14" s="32">
        <v>11729</v>
      </c>
      <c r="J14" s="33">
        <v>5820</v>
      </c>
      <c r="K14" s="34">
        <v>8</v>
      </c>
      <c r="L14" s="35">
        <v>-4</v>
      </c>
      <c r="M14" s="35">
        <v>4</v>
      </c>
      <c r="N14" s="36">
        <v>7</v>
      </c>
    </row>
    <row r="15" spans="1:14" ht="23.1" customHeight="1" x14ac:dyDescent="0.2">
      <c r="A15" s="26">
        <v>11</v>
      </c>
      <c r="B15" s="27" t="s">
        <v>20</v>
      </c>
      <c r="C15" s="28">
        <v>7392</v>
      </c>
      <c r="D15" s="29">
        <v>7808</v>
      </c>
      <c r="E15" s="29">
        <v>15200</v>
      </c>
      <c r="F15" s="30">
        <v>6915</v>
      </c>
      <c r="G15" s="31">
        <v>7390</v>
      </c>
      <c r="H15" s="32">
        <v>7814</v>
      </c>
      <c r="I15" s="32">
        <v>15204</v>
      </c>
      <c r="J15" s="33">
        <v>6924</v>
      </c>
      <c r="K15" s="34">
        <v>-2</v>
      </c>
      <c r="L15" s="35">
        <v>6</v>
      </c>
      <c r="M15" s="35">
        <v>4</v>
      </c>
      <c r="N15" s="36">
        <v>9</v>
      </c>
    </row>
    <row r="16" spans="1:14" ht="23.1" customHeight="1" x14ac:dyDescent="0.2">
      <c r="A16" s="26">
        <v>12</v>
      </c>
      <c r="B16" s="27" t="s">
        <v>21</v>
      </c>
      <c r="C16" s="28">
        <v>3857</v>
      </c>
      <c r="D16" s="29">
        <v>4059</v>
      </c>
      <c r="E16" s="29">
        <v>7916</v>
      </c>
      <c r="F16" s="30">
        <v>4135</v>
      </c>
      <c r="G16" s="31">
        <v>3848</v>
      </c>
      <c r="H16" s="32">
        <v>4056</v>
      </c>
      <c r="I16" s="32">
        <v>7904</v>
      </c>
      <c r="J16" s="33">
        <v>4124</v>
      </c>
      <c r="K16" s="34">
        <v>-9</v>
      </c>
      <c r="L16" s="35">
        <v>-3</v>
      </c>
      <c r="M16" s="35">
        <v>-12</v>
      </c>
      <c r="N16" s="36">
        <v>-11</v>
      </c>
    </row>
    <row r="17" spans="1:14" ht="23.1" customHeight="1" x14ac:dyDescent="0.2">
      <c r="A17" s="26">
        <v>13</v>
      </c>
      <c r="B17" s="27" t="s">
        <v>22</v>
      </c>
      <c r="C17" s="28">
        <v>5111</v>
      </c>
      <c r="D17" s="29">
        <v>5323</v>
      </c>
      <c r="E17" s="29">
        <v>10434</v>
      </c>
      <c r="F17" s="30">
        <v>5284</v>
      </c>
      <c r="G17" s="31">
        <v>5075</v>
      </c>
      <c r="H17" s="32">
        <v>5317</v>
      </c>
      <c r="I17" s="32">
        <v>10392</v>
      </c>
      <c r="J17" s="33">
        <v>5260</v>
      </c>
      <c r="K17" s="34">
        <v>-36</v>
      </c>
      <c r="L17" s="35">
        <v>-6</v>
      </c>
      <c r="M17" s="35">
        <v>-42</v>
      </c>
      <c r="N17" s="36">
        <v>-24</v>
      </c>
    </row>
    <row r="18" spans="1:14" ht="23.1" customHeight="1" x14ac:dyDescent="0.2">
      <c r="A18" s="26">
        <v>14</v>
      </c>
      <c r="B18" s="27" t="s">
        <v>23</v>
      </c>
      <c r="C18" s="28">
        <v>3863</v>
      </c>
      <c r="D18" s="29">
        <v>4143</v>
      </c>
      <c r="E18" s="29">
        <v>8006</v>
      </c>
      <c r="F18" s="30">
        <v>3827</v>
      </c>
      <c r="G18" s="31">
        <v>3870</v>
      </c>
      <c r="H18" s="32">
        <v>4146</v>
      </c>
      <c r="I18" s="32">
        <v>8016</v>
      </c>
      <c r="J18" s="33">
        <v>3831</v>
      </c>
      <c r="K18" s="34">
        <v>7</v>
      </c>
      <c r="L18" s="35">
        <v>3</v>
      </c>
      <c r="M18" s="35">
        <v>10</v>
      </c>
      <c r="N18" s="36">
        <v>4</v>
      </c>
    </row>
    <row r="19" spans="1:14" ht="23.1" customHeight="1" x14ac:dyDescent="0.2">
      <c r="A19" s="26">
        <v>15</v>
      </c>
      <c r="B19" s="27" t="s">
        <v>24</v>
      </c>
      <c r="C19" s="28">
        <v>2745</v>
      </c>
      <c r="D19" s="29">
        <v>2903</v>
      </c>
      <c r="E19" s="29">
        <v>5648</v>
      </c>
      <c r="F19" s="30">
        <v>2552</v>
      </c>
      <c r="G19" s="31">
        <v>2748</v>
      </c>
      <c r="H19" s="32">
        <v>2897</v>
      </c>
      <c r="I19" s="32">
        <v>5645</v>
      </c>
      <c r="J19" s="33">
        <v>2551</v>
      </c>
      <c r="K19" s="34">
        <v>3</v>
      </c>
      <c r="L19" s="35">
        <v>-6</v>
      </c>
      <c r="M19" s="35">
        <v>-3</v>
      </c>
      <c r="N19" s="36">
        <v>-1</v>
      </c>
    </row>
    <row r="20" spans="1:14" ht="23.1" customHeight="1" x14ac:dyDescent="0.2">
      <c r="A20" s="26">
        <v>16</v>
      </c>
      <c r="B20" s="27" t="s">
        <v>25</v>
      </c>
      <c r="C20" s="28">
        <v>5313</v>
      </c>
      <c r="D20" s="29">
        <v>4791</v>
      </c>
      <c r="E20" s="29">
        <v>10104</v>
      </c>
      <c r="F20" s="30">
        <v>5731</v>
      </c>
      <c r="G20" s="31">
        <v>5312</v>
      </c>
      <c r="H20" s="32">
        <v>4778</v>
      </c>
      <c r="I20" s="32">
        <v>10090</v>
      </c>
      <c r="J20" s="33">
        <v>5737</v>
      </c>
      <c r="K20" s="34">
        <v>-1</v>
      </c>
      <c r="L20" s="35">
        <v>-13</v>
      </c>
      <c r="M20" s="35">
        <v>-14</v>
      </c>
      <c r="N20" s="36">
        <v>6</v>
      </c>
    </row>
    <row r="21" spans="1:14" ht="23.1" customHeight="1" x14ac:dyDescent="0.2">
      <c r="A21" s="26">
        <v>17</v>
      </c>
      <c r="B21" s="27" t="s">
        <v>26</v>
      </c>
      <c r="C21" s="28">
        <v>1889</v>
      </c>
      <c r="D21" s="29">
        <v>2132</v>
      </c>
      <c r="E21" s="29">
        <v>4021</v>
      </c>
      <c r="F21" s="30">
        <v>1814</v>
      </c>
      <c r="G21" s="31">
        <v>1890</v>
      </c>
      <c r="H21" s="32">
        <v>2136</v>
      </c>
      <c r="I21" s="32">
        <v>4026</v>
      </c>
      <c r="J21" s="33">
        <v>1816</v>
      </c>
      <c r="K21" s="34">
        <v>1</v>
      </c>
      <c r="L21" s="35">
        <v>4</v>
      </c>
      <c r="M21" s="35">
        <v>5</v>
      </c>
      <c r="N21" s="36">
        <v>2</v>
      </c>
    </row>
    <row r="22" spans="1:14" ht="23.1" customHeight="1" x14ac:dyDescent="0.2">
      <c r="A22" s="26">
        <v>18</v>
      </c>
      <c r="B22" s="27" t="s">
        <v>27</v>
      </c>
      <c r="C22" s="28">
        <v>1422</v>
      </c>
      <c r="D22" s="29">
        <v>1620</v>
      </c>
      <c r="E22" s="29">
        <v>3042</v>
      </c>
      <c r="F22" s="30">
        <v>1505</v>
      </c>
      <c r="G22" s="31">
        <v>1417</v>
      </c>
      <c r="H22" s="32">
        <v>1617</v>
      </c>
      <c r="I22" s="32">
        <v>3034</v>
      </c>
      <c r="J22" s="33">
        <v>1504</v>
      </c>
      <c r="K22" s="34">
        <v>-5</v>
      </c>
      <c r="L22" s="35">
        <v>-3</v>
      </c>
      <c r="M22" s="35">
        <v>-8</v>
      </c>
      <c r="N22" s="36">
        <v>-1</v>
      </c>
    </row>
    <row r="23" spans="1:14" ht="23.1" customHeight="1" x14ac:dyDescent="0.2">
      <c r="A23" s="26">
        <v>19</v>
      </c>
      <c r="B23" s="27" t="s">
        <v>28</v>
      </c>
      <c r="C23" s="28">
        <v>2815</v>
      </c>
      <c r="D23" s="29">
        <v>2948</v>
      </c>
      <c r="E23" s="29">
        <v>5763</v>
      </c>
      <c r="F23" s="30">
        <v>2567</v>
      </c>
      <c r="G23" s="31">
        <v>2817</v>
      </c>
      <c r="H23" s="32">
        <v>2947</v>
      </c>
      <c r="I23" s="32">
        <v>5764</v>
      </c>
      <c r="J23" s="33">
        <v>2567</v>
      </c>
      <c r="K23" s="34">
        <v>2</v>
      </c>
      <c r="L23" s="35">
        <v>-1</v>
      </c>
      <c r="M23" s="35">
        <v>1</v>
      </c>
      <c r="N23" s="36">
        <v>0</v>
      </c>
    </row>
    <row r="24" spans="1:14" ht="23.1" customHeight="1" x14ac:dyDescent="0.2">
      <c r="A24" s="26">
        <v>20</v>
      </c>
      <c r="B24" s="27" t="s">
        <v>29</v>
      </c>
      <c r="C24" s="28">
        <v>3676</v>
      </c>
      <c r="D24" s="29">
        <v>3806</v>
      </c>
      <c r="E24" s="29">
        <v>7482</v>
      </c>
      <c r="F24" s="30">
        <v>3290</v>
      </c>
      <c r="G24" s="31">
        <v>3687</v>
      </c>
      <c r="H24" s="32">
        <v>3815</v>
      </c>
      <c r="I24" s="32">
        <v>7502</v>
      </c>
      <c r="J24" s="33">
        <v>3295</v>
      </c>
      <c r="K24" s="34">
        <v>11</v>
      </c>
      <c r="L24" s="35">
        <v>9</v>
      </c>
      <c r="M24" s="35">
        <v>20</v>
      </c>
      <c r="N24" s="36">
        <v>5</v>
      </c>
    </row>
    <row r="25" spans="1:14" ht="23.1" customHeight="1" x14ac:dyDescent="0.2">
      <c r="A25" s="26">
        <v>21</v>
      </c>
      <c r="B25" s="27" t="s">
        <v>30</v>
      </c>
      <c r="C25" s="28">
        <v>1091</v>
      </c>
      <c r="D25" s="29">
        <v>1271</v>
      </c>
      <c r="E25" s="29">
        <v>2362</v>
      </c>
      <c r="F25" s="30">
        <v>1065</v>
      </c>
      <c r="G25" s="31">
        <v>1088</v>
      </c>
      <c r="H25" s="32">
        <v>1266</v>
      </c>
      <c r="I25" s="32">
        <v>2354</v>
      </c>
      <c r="J25" s="33">
        <v>1062</v>
      </c>
      <c r="K25" s="34">
        <v>-3</v>
      </c>
      <c r="L25" s="35">
        <v>-5</v>
      </c>
      <c r="M25" s="35">
        <v>-8</v>
      </c>
      <c r="N25" s="36">
        <v>-3</v>
      </c>
    </row>
    <row r="26" spans="1:14" ht="23.1" customHeight="1" x14ac:dyDescent="0.2">
      <c r="A26" s="26">
        <v>22</v>
      </c>
      <c r="B26" s="27" t="s">
        <v>31</v>
      </c>
      <c r="C26" s="28">
        <v>1929</v>
      </c>
      <c r="D26" s="29">
        <v>2034</v>
      </c>
      <c r="E26" s="29">
        <v>3963</v>
      </c>
      <c r="F26" s="30">
        <v>1802</v>
      </c>
      <c r="G26" s="31">
        <v>1918</v>
      </c>
      <c r="H26" s="32">
        <v>2025</v>
      </c>
      <c r="I26" s="32">
        <v>3943</v>
      </c>
      <c r="J26" s="33">
        <v>1796</v>
      </c>
      <c r="K26" s="34">
        <v>-11</v>
      </c>
      <c r="L26" s="35">
        <v>-9</v>
      </c>
      <c r="M26" s="35">
        <v>-20</v>
      </c>
      <c r="N26" s="36">
        <v>-6</v>
      </c>
    </row>
    <row r="27" spans="1:14" ht="23.1" customHeight="1" x14ac:dyDescent="0.2">
      <c r="A27" s="26">
        <v>23</v>
      </c>
      <c r="B27" s="27" t="s">
        <v>32</v>
      </c>
      <c r="C27" s="28">
        <v>7492</v>
      </c>
      <c r="D27" s="29">
        <v>7829</v>
      </c>
      <c r="E27" s="29">
        <v>15321</v>
      </c>
      <c r="F27" s="30">
        <v>6686</v>
      </c>
      <c r="G27" s="31">
        <v>7478</v>
      </c>
      <c r="H27" s="32">
        <v>7827</v>
      </c>
      <c r="I27" s="32">
        <v>15305</v>
      </c>
      <c r="J27" s="33">
        <v>6680</v>
      </c>
      <c r="K27" s="34">
        <v>-14</v>
      </c>
      <c r="L27" s="35">
        <v>-2</v>
      </c>
      <c r="M27" s="35">
        <v>-16</v>
      </c>
      <c r="N27" s="36">
        <v>-6</v>
      </c>
    </row>
    <row r="28" spans="1:14" ht="23.1" customHeight="1" x14ac:dyDescent="0.2">
      <c r="A28" s="26">
        <v>24</v>
      </c>
      <c r="B28" s="27" t="s">
        <v>33</v>
      </c>
      <c r="C28" s="28">
        <v>4688</v>
      </c>
      <c r="D28" s="29">
        <v>5061</v>
      </c>
      <c r="E28" s="29">
        <v>9749</v>
      </c>
      <c r="F28" s="30">
        <v>4663</v>
      </c>
      <c r="G28" s="31">
        <v>4719</v>
      </c>
      <c r="H28" s="32">
        <v>5063</v>
      </c>
      <c r="I28" s="32">
        <v>9782</v>
      </c>
      <c r="J28" s="33">
        <v>4701</v>
      </c>
      <c r="K28" s="34">
        <v>31</v>
      </c>
      <c r="L28" s="35">
        <v>2</v>
      </c>
      <c r="M28" s="35">
        <v>33</v>
      </c>
      <c r="N28" s="36">
        <v>38</v>
      </c>
    </row>
    <row r="29" spans="1:14" ht="23.1" customHeight="1" x14ac:dyDescent="0.2">
      <c r="A29" s="26">
        <v>25</v>
      </c>
      <c r="B29" s="27" t="s">
        <v>34</v>
      </c>
      <c r="C29" s="28">
        <v>6114</v>
      </c>
      <c r="D29" s="29">
        <v>6478</v>
      </c>
      <c r="E29" s="29">
        <v>12592</v>
      </c>
      <c r="F29" s="30">
        <v>5934</v>
      </c>
      <c r="G29" s="31">
        <v>6142</v>
      </c>
      <c r="H29" s="32">
        <v>6485</v>
      </c>
      <c r="I29" s="32">
        <v>12627</v>
      </c>
      <c r="J29" s="33">
        <v>5952</v>
      </c>
      <c r="K29" s="34">
        <v>28</v>
      </c>
      <c r="L29" s="35">
        <v>7</v>
      </c>
      <c r="M29" s="35">
        <v>35</v>
      </c>
      <c r="N29" s="36">
        <v>18</v>
      </c>
    </row>
    <row r="30" spans="1:14" ht="23.1" customHeight="1" x14ac:dyDescent="0.2">
      <c r="A30" s="26">
        <v>26</v>
      </c>
      <c r="B30" s="27" t="s">
        <v>35</v>
      </c>
      <c r="C30" s="28">
        <v>8060</v>
      </c>
      <c r="D30" s="29">
        <v>8391</v>
      </c>
      <c r="E30" s="29">
        <v>16451</v>
      </c>
      <c r="F30" s="30">
        <v>6930</v>
      </c>
      <c r="G30" s="31">
        <v>8064</v>
      </c>
      <c r="H30" s="32">
        <v>8411</v>
      </c>
      <c r="I30" s="32">
        <v>16475</v>
      </c>
      <c r="J30" s="33">
        <v>6951</v>
      </c>
      <c r="K30" s="34">
        <v>4</v>
      </c>
      <c r="L30" s="35">
        <v>20</v>
      </c>
      <c r="M30" s="35">
        <v>24</v>
      </c>
      <c r="N30" s="36">
        <v>21</v>
      </c>
    </row>
    <row r="31" spans="1:14" ht="23.1" customHeight="1" x14ac:dyDescent="0.2">
      <c r="A31" s="26">
        <v>27</v>
      </c>
      <c r="B31" s="27" t="s">
        <v>36</v>
      </c>
      <c r="C31" s="28">
        <v>5537</v>
      </c>
      <c r="D31" s="29">
        <v>5991</v>
      </c>
      <c r="E31" s="29">
        <v>11528</v>
      </c>
      <c r="F31" s="30">
        <v>5740</v>
      </c>
      <c r="G31" s="31">
        <v>5537</v>
      </c>
      <c r="H31" s="32">
        <v>5985</v>
      </c>
      <c r="I31" s="32">
        <v>11522</v>
      </c>
      <c r="J31" s="33">
        <v>5739</v>
      </c>
      <c r="K31" s="34">
        <v>0</v>
      </c>
      <c r="L31" s="35">
        <v>-6</v>
      </c>
      <c r="M31" s="35">
        <v>-6</v>
      </c>
      <c r="N31" s="36">
        <v>-1</v>
      </c>
    </row>
    <row r="32" spans="1:14" ht="23.1" customHeight="1" x14ac:dyDescent="0.2">
      <c r="A32" s="26">
        <v>28</v>
      </c>
      <c r="B32" s="27" t="s">
        <v>37</v>
      </c>
      <c r="C32" s="28">
        <v>5488</v>
      </c>
      <c r="D32" s="29">
        <v>5831</v>
      </c>
      <c r="E32" s="29">
        <v>11319</v>
      </c>
      <c r="F32" s="30">
        <v>5027</v>
      </c>
      <c r="G32" s="31">
        <v>5489</v>
      </c>
      <c r="H32" s="32">
        <v>5835</v>
      </c>
      <c r="I32" s="32">
        <v>11324</v>
      </c>
      <c r="J32" s="33">
        <v>5035</v>
      </c>
      <c r="K32" s="34">
        <v>1</v>
      </c>
      <c r="L32" s="35">
        <v>4</v>
      </c>
      <c r="M32" s="35">
        <v>5</v>
      </c>
      <c r="N32" s="36">
        <v>8</v>
      </c>
    </row>
    <row r="33" spans="1:14" ht="23.1" customHeight="1" x14ac:dyDescent="0.2">
      <c r="A33" s="26">
        <v>29</v>
      </c>
      <c r="B33" s="27" t="s">
        <v>38</v>
      </c>
      <c r="C33" s="28">
        <v>2706</v>
      </c>
      <c r="D33" s="29">
        <v>2869</v>
      </c>
      <c r="E33" s="29">
        <v>5575</v>
      </c>
      <c r="F33" s="30">
        <v>2471</v>
      </c>
      <c r="G33" s="31">
        <v>2704</v>
      </c>
      <c r="H33" s="32">
        <v>2868</v>
      </c>
      <c r="I33" s="32">
        <v>5572</v>
      </c>
      <c r="J33" s="33">
        <v>2467</v>
      </c>
      <c r="K33" s="34">
        <v>-2</v>
      </c>
      <c r="L33" s="35">
        <v>-1</v>
      </c>
      <c r="M33" s="35">
        <v>-3</v>
      </c>
      <c r="N33" s="36">
        <v>-4</v>
      </c>
    </row>
    <row r="34" spans="1:14" ht="23.1" customHeight="1" x14ac:dyDescent="0.2">
      <c r="A34" s="26">
        <v>30</v>
      </c>
      <c r="B34" s="27" t="s">
        <v>39</v>
      </c>
      <c r="C34" s="28">
        <v>6606</v>
      </c>
      <c r="D34" s="29">
        <v>6810</v>
      </c>
      <c r="E34" s="29">
        <v>13416</v>
      </c>
      <c r="F34" s="30">
        <v>6361</v>
      </c>
      <c r="G34" s="31">
        <v>6604</v>
      </c>
      <c r="H34" s="32">
        <v>6817</v>
      </c>
      <c r="I34" s="32">
        <v>13421</v>
      </c>
      <c r="J34" s="33">
        <v>6384</v>
      </c>
      <c r="K34" s="34">
        <v>-2</v>
      </c>
      <c r="L34" s="35">
        <v>7</v>
      </c>
      <c r="M34" s="35">
        <v>5</v>
      </c>
      <c r="N34" s="36">
        <v>23</v>
      </c>
    </row>
    <row r="35" spans="1:14" ht="23.1" customHeight="1" x14ac:dyDescent="0.2">
      <c r="A35" s="26">
        <v>31</v>
      </c>
      <c r="B35" s="27" t="s">
        <v>40</v>
      </c>
      <c r="C35" s="28">
        <v>2795</v>
      </c>
      <c r="D35" s="29">
        <v>2745</v>
      </c>
      <c r="E35" s="29">
        <v>5540</v>
      </c>
      <c r="F35" s="30">
        <v>2532</v>
      </c>
      <c r="G35" s="31">
        <v>2805</v>
      </c>
      <c r="H35" s="32">
        <v>2751</v>
      </c>
      <c r="I35" s="32">
        <v>5556</v>
      </c>
      <c r="J35" s="33">
        <v>2541</v>
      </c>
      <c r="K35" s="34">
        <v>10</v>
      </c>
      <c r="L35" s="35">
        <v>6</v>
      </c>
      <c r="M35" s="35">
        <v>16</v>
      </c>
      <c r="N35" s="36">
        <v>9</v>
      </c>
    </row>
    <row r="36" spans="1:14" ht="23.1" customHeight="1" x14ac:dyDescent="0.2">
      <c r="A36" s="26">
        <v>32</v>
      </c>
      <c r="B36" s="27" t="s">
        <v>41</v>
      </c>
      <c r="C36" s="28">
        <v>3339</v>
      </c>
      <c r="D36" s="29">
        <v>3513</v>
      </c>
      <c r="E36" s="29">
        <v>6852</v>
      </c>
      <c r="F36" s="30">
        <v>2855</v>
      </c>
      <c r="G36" s="31">
        <v>3337</v>
      </c>
      <c r="H36" s="32">
        <v>3508</v>
      </c>
      <c r="I36" s="32">
        <v>6845</v>
      </c>
      <c r="J36" s="33">
        <v>2858</v>
      </c>
      <c r="K36" s="34">
        <v>-2</v>
      </c>
      <c r="L36" s="35">
        <v>-5</v>
      </c>
      <c r="M36" s="35">
        <v>-7</v>
      </c>
      <c r="N36" s="36">
        <v>3</v>
      </c>
    </row>
    <row r="37" spans="1:14" ht="23.1" customHeight="1" x14ac:dyDescent="0.2">
      <c r="A37" s="26">
        <v>33</v>
      </c>
      <c r="B37" s="27" t="s">
        <v>42</v>
      </c>
      <c r="C37" s="28">
        <v>2946</v>
      </c>
      <c r="D37" s="29">
        <v>3176</v>
      </c>
      <c r="E37" s="29">
        <v>6122</v>
      </c>
      <c r="F37" s="30">
        <v>2703</v>
      </c>
      <c r="G37" s="31">
        <v>2934</v>
      </c>
      <c r="H37" s="32">
        <v>3161</v>
      </c>
      <c r="I37" s="32">
        <v>6095</v>
      </c>
      <c r="J37" s="33">
        <v>2694</v>
      </c>
      <c r="K37" s="34">
        <v>-12</v>
      </c>
      <c r="L37" s="35">
        <v>-15</v>
      </c>
      <c r="M37" s="35">
        <v>-27</v>
      </c>
      <c r="N37" s="36">
        <v>-9</v>
      </c>
    </row>
    <row r="38" spans="1:14" ht="23.1" customHeight="1" x14ac:dyDescent="0.2">
      <c r="A38" s="26">
        <v>34</v>
      </c>
      <c r="B38" s="27" t="s">
        <v>43</v>
      </c>
      <c r="C38" s="28">
        <v>1569</v>
      </c>
      <c r="D38" s="29">
        <v>1654</v>
      </c>
      <c r="E38" s="29">
        <v>3223</v>
      </c>
      <c r="F38" s="30">
        <v>1445</v>
      </c>
      <c r="G38" s="31">
        <v>1569</v>
      </c>
      <c r="H38" s="32">
        <v>1647</v>
      </c>
      <c r="I38" s="32">
        <v>3216</v>
      </c>
      <c r="J38" s="33">
        <v>1442</v>
      </c>
      <c r="K38" s="34">
        <v>0</v>
      </c>
      <c r="L38" s="35">
        <v>-7</v>
      </c>
      <c r="M38" s="35">
        <v>-7</v>
      </c>
      <c r="N38" s="36">
        <v>-3</v>
      </c>
    </row>
    <row r="39" spans="1:14" ht="23.1" customHeight="1" x14ac:dyDescent="0.2">
      <c r="A39" s="26">
        <v>35</v>
      </c>
      <c r="B39" s="27" t="s">
        <v>44</v>
      </c>
      <c r="C39" s="28">
        <v>1067</v>
      </c>
      <c r="D39" s="29">
        <v>1154</v>
      </c>
      <c r="E39" s="29">
        <v>2221</v>
      </c>
      <c r="F39" s="30">
        <v>953</v>
      </c>
      <c r="G39" s="31">
        <v>1058</v>
      </c>
      <c r="H39" s="32">
        <v>1150</v>
      </c>
      <c r="I39" s="32">
        <v>2208</v>
      </c>
      <c r="J39" s="33">
        <v>952</v>
      </c>
      <c r="K39" s="34">
        <v>-9</v>
      </c>
      <c r="L39" s="35">
        <v>-4</v>
      </c>
      <c r="M39" s="35">
        <v>-13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381</v>
      </c>
      <c r="D40" s="29">
        <v>1387</v>
      </c>
      <c r="E40" s="29">
        <v>2768</v>
      </c>
      <c r="F40" s="30">
        <v>1213</v>
      </c>
      <c r="G40" s="31">
        <v>1377</v>
      </c>
      <c r="H40" s="32">
        <v>1384</v>
      </c>
      <c r="I40" s="32">
        <v>2761</v>
      </c>
      <c r="J40" s="33">
        <v>1210</v>
      </c>
      <c r="K40" s="34">
        <v>-4</v>
      </c>
      <c r="L40" s="35">
        <v>-3</v>
      </c>
      <c r="M40" s="35">
        <v>-7</v>
      </c>
      <c r="N40" s="36">
        <v>-3</v>
      </c>
    </row>
    <row r="41" spans="1:14" ht="23.1" customHeight="1" x14ac:dyDescent="0.2">
      <c r="A41" s="26">
        <v>37</v>
      </c>
      <c r="B41" s="27" t="s">
        <v>46</v>
      </c>
      <c r="C41" s="28">
        <v>1390</v>
      </c>
      <c r="D41" s="29">
        <v>1563</v>
      </c>
      <c r="E41" s="29">
        <v>2953</v>
      </c>
      <c r="F41" s="30">
        <v>1264</v>
      </c>
      <c r="G41" s="31">
        <v>1393</v>
      </c>
      <c r="H41" s="32">
        <v>1571</v>
      </c>
      <c r="I41" s="32">
        <v>2964</v>
      </c>
      <c r="J41" s="33">
        <v>1270</v>
      </c>
      <c r="K41" s="34">
        <v>3</v>
      </c>
      <c r="L41" s="35">
        <v>8</v>
      </c>
      <c r="M41" s="35">
        <v>11</v>
      </c>
      <c r="N41" s="36">
        <v>6</v>
      </c>
    </row>
    <row r="42" spans="1:14" ht="23.1" customHeight="1" x14ac:dyDescent="0.2">
      <c r="A42" s="26">
        <v>38</v>
      </c>
      <c r="B42" s="27" t="s">
        <v>47</v>
      </c>
      <c r="C42" s="28">
        <v>5911</v>
      </c>
      <c r="D42" s="29">
        <v>6215</v>
      </c>
      <c r="E42" s="29">
        <v>12126</v>
      </c>
      <c r="F42" s="30">
        <v>5506</v>
      </c>
      <c r="G42" s="31">
        <v>5916</v>
      </c>
      <c r="H42" s="32">
        <v>6221</v>
      </c>
      <c r="I42" s="32">
        <v>12137</v>
      </c>
      <c r="J42" s="33">
        <v>5522</v>
      </c>
      <c r="K42" s="34">
        <v>5</v>
      </c>
      <c r="L42" s="35">
        <v>6</v>
      </c>
      <c r="M42" s="35">
        <v>11</v>
      </c>
      <c r="N42" s="36">
        <v>16</v>
      </c>
    </row>
    <row r="43" spans="1:14" ht="23.1" customHeight="1" x14ac:dyDescent="0.2">
      <c r="A43" s="26">
        <v>39</v>
      </c>
      <c r="B43" s="27" t="s">
        <v>48</v>
      </c>
      <c r="C43" s="28">
        <v>1931</v>
      </c>
      <c r="D43" s="29">
        <v>2031</v>
      </c>
      <c r="E43" s="29">
        <v>3962</v>
      </c>
      <c r="F43" s="30">
        <v>1777</v>
      </c>
      <c r="G43" s="31">
        <v>1935</v>
      </c>
      <c r="H43" s="32">
        <v>2033</v>
      </c>
      <c r="I43" s="32">
        <v>3968</v>
      </c>
      <c r="J43" s="33">
        <v>1781</v>
      </c>
      <c r="K43" s="34">
        <v>4</v>
      </c>
      <c r="L43" s="35">
        <v>2</v>
      </c>
      <c r="M43" s="35">
        <v>6</v>
      </c>
      <c r="N43" s="36">
        <v>4</v>
      </c>
    </row>
    <row r="44" spans="1:14" ht="23.1" customHeight="1" x14ac:dyDescent="0.2">
      <c r="A44" s="26">
        <v>40</v>
      </c>
      <c r="B44" s="27" t="s">
        <v>49</v>
      </c>
      <c r="C44" s="28">
        <v>792</v>
      </c>
      <c r="D44" s="29">
        <v>807</v>
      </c>
      <c r="E44" s="29">
        <v>1599</v>
      </c>
      <c r="F44" s="30">
        <v>656</v>
      </c>
      <c r="G44" s="31">
        <v>790</v>
      </c>
      <c r="H44" s="32">
        <v>807</v>
      </c>
      <c r="I44" s="32">
        <v>1597</v>
      </c>
      <c r="J44" s="33">
        <v>656</v>
      </c>
      <c r="K44" s="34">
        <v>-2</v>
      </c>
      <c r="L44" s="35">
        <v>0</v>
      </c>
      <c r="M44" s="35">
        <v>-2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6</v>
      </c>
      <c r="D45" s="29">
        <v>809</v>
      </c>
      <c r="E45" s="29">
        <v>1655</v>
      </c>
      <c r="F45" s="30">
        <v>954</v>
      </c>
      <c r="G45" s="31">
        <v>851</v>
      </c>
      <c r="H45" s="32">
        <v>812</v>
      </c>
      <c r="I45" s="32">
        <v>1663</v>
      </c>
      <c r="J45" s="33">
        <v>964</v>
      </c>
      <c r="K45" s="34">
        <v>5</v>
      </c>
      <c r="L45" s="35">
        <v>3</v>
      </c>
      <c r="M45" s="35">
        <v>8</v>
      </c>
      <c r="N45" s="36">
        <v>10</v>
      </c>
    </row>
    <row r="46" spans="1:14" ht="23.1" customHeight="1" x14ac:dyDescent="0.2">
      <c r="A46" s="26">
        <v>42</v>
      </c>
      <c r="B46" s="27" t="s">
        <v>51</v>
      </c>
      <c r="C46" s="28">
        <v>1604</v>
      </c>
      <c r="D46" s="29">
        <v>1659</v>
      </c>
      <c r="E46" s="29">
        <v>3263</v>
      </c>
      <c r="F46" s="30">
        <v>1410</v>
      </c>
      <c r="G46" s="31">
        <v>1602</v>
      </c>
      <c r="H46" s="32">
        <v>1655</v>
      </c>
      <c r="I46" s="32">
        <v>3257</v>
      </c>
      <c r="J46" s="33">
        <v>1407</v>
      </c>
      <c r="K46" s="34">
        <v>-2</v>
      </c>
      <c r="L46" s="35">
        <v>-4</v>
      </c>
      <c r="M46" s="35">
        <v>-6</v>
      </c>
      <c r="N46" s="36">
        <v>-3</v>
      </c>
    </row>
    <row r="47" spans="1:14" ht="23.1" customHeight="1" x14ac:dyDescent="0.2">
      <c r="A47" s="26">
        <v>43</v>
      </c>
      <c r="B47" s="27" t="s">
        <v>52</v>
      </c>
      <c r="C47" s="28">
        <v>451</v>
      </c>
      <c r="D47" s="29">
        <v>512</v>
      </c>
      <c r="E47" s="29">
        <v>963</v>
      </c>
      <c r="F47" s="30">
        <v>395</v>
      </c>
      <c r="G47" s="31">
        <v>450</v>
      </c>
      <c r="H47" s="32">
        <v>512</v>
      </c>
      <c r="I47" s="32">
        <v>962</v>
      </c>
      <c r="J47" s="33">
        <v>394</v>
      </c>
      <c r="K47" s="34">
        <v>-1</v>
      </c>
      <c r="L47" s="35">
        <v>0</v>
      </c>
      <c r="M47" s="35">
        <v>-1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520</v>
      </c>
      <c r="D48" s="29">
        <v>1726</v>
      </c>
      <c r="E48" s="29">
        <v>3246</v>
      </c>
      <c r="F48" s="30">
        <v>1555</v>
      </c>
      <c r="G48" s="31">
        <v>1515</v>
      </c>
      <c r="H48" s="32">
        <v>1718</v>
      </c>
      <c r="I48" s="32">
        <v>3233</v>
      </c>
      <c r="J48" s="33">
        <v>1549</v>
      </c>
      <c r="K48" s="34">
        <v>-5</v>
      </c>
      <c r="L48" s="35">
        <v>-8</v>
      </c>
      <c r="M48" s="35">
        <v>-13</v>
      </c>
      <c r="N48" s="36">
        <v>-6</v>
      </c>
    </row>
    <row r="49" spans="1:14" ht="23.1" customHeight="1" x14ac:dyDescent="0.2">
      <c r="A49" s="26">
        <v>45</v>
      </c>
      <c r="B49" s="27" t="s">
        <v>54</v>
      </c>
      <c r="C49" s="28">
        <v>1851</v>
      </c>
      <c r="D49" s="29">
        <v>1946</v>
      </c>
      <c r="E49" s="29">
        <v>3797</v>
      </c>
      <c r="F49" s="30">
        <v>1758</v>
      </c>
      <c r="G49" s="31">
        <v>1850</v>
      </c>
      <c r="H49" s="32">
        <v>1947</v>
      </c>
      <c r="I49" s="32">
        <v>3797</v>
      </c>
      <c r="J49" s="33">
        <v>1760</v>
      </c>
      <c r="K49" s="34">
        <v>-1</v>
      </c>
      <c r="L49" s="35">
        <v>1</v>
      </c>
      <c r="M49" s="35">
        <v>0</v>
      </c>
      <c r="N49" s="36">
        <v>2</v>
      </c>
    </row>
    <row r="50" spans="1:14" ht="23.1" customHeight="1" x14ac:dyDescent="0.2">
      <c r="A50" s="26">
        <v>46</v>
      </c>
      <c r="B50" s="27" t="s">
        <v>55</v>
      </c>
      <c r="C50" s="28">
        <v>884</v>
      </c>
      <c r="D50" s="29">
        <v>889</v>
      </c>
      <c r="E50" s="29">
        <v>1773</v>
      </c>
      <c r="F50" s="30">
        <v>798</v>
      </c>
      <c r="G50" s="31">
        <v>881</v>
      </c>
      <c r="H50" s="32">
        <v>887</v>
      </c>
      <c r="I50" s="32">
        <v>1768</v>
      </c>
      <c r="J50" s="33">
        <v>794</v>
      </c>
      <c r="K50" s="34">
        <v>-3</v>
      </c>
      <c r="L50" s="35">
        <v>-2</v>
      </c>
      <c r="M50" s="35">
        <v>-5</v>
      </c>
      <c r="N50" s="36">
        <v>-4</v>
      </c>
    </row>
    <row r="51" spans="1:14" ht="23.1" customHeight="1" x14ac:dyDescent="0.2">
      <c r="A51" s="26">
        <v>47</v>
      </c>
      <c r="B51" s="27" t="s">
        <v>56</v>
      </c>
      <c r="C51" s="28">
        <v>1863</v>
      </c>
      <c r="D51" s="29">
        <v>1886</v>
      </c>
      <c r="E51" s="29">
        <v>3749</v>
      </c>
      <c r="F51" s="30">
        <v>1705</v>
      </c>
      <c r="G51" s="31">
        <v>1860</v>
      </c>
      <c r="H51" s="32">
        <v>1875</v>
      </c>
      <c r="I51" s="32">
        <v>3735</v>
      </c>
      <c r="J51" s="33">
        <v>1696</v>
      </c>
      <c r="K51" s="34">
        <v>-3</v>
      </c>
      <c r="L51" s="35">
        <v>-11</v>
      </c>
      <c r="M51" s="35">
        <v>-14</v>
      </c>
      <c r="N51" s="36">
        <v>-9</v>
      </c>
    </row>
    <row r="52" spans="1:14" ht="23.1" customHeight="1" x14ac:dyDescent="0.2">
      <c r="A52" s="26">
        <v>48</v>
      </c>
      <c r="B52" s="27" t="s">
        <v>57</v>
      </c>
      <c r="C52" s="28">
        <v>791</v>
      </c>
      <c r="D52" s="29">
        <v>806</v>
      </c>
      <c r="E52" s="29">
        <v>1597</v>
      </c>
      <c r="F52" s="30">
        <v>610</v>
      </c>
      <c r="G52" s="31">
        <v>790</v>
      </c>
      <c r="H52" s="32">
        <v>801</v>
      </c>
      <c r="I52" s="32">
        <v>1591</v>
      </c>
      <c r="J52" s="33">
        <v>608</v>
      </c>
      <c r="K52" s="34">
        <v>-1</v>
      </c>
      <c r="L52" s="35">
        <v>-5</v>
      </c>
      <c r="M52" s="35">
        <v>-6</v>
      </c>
      <c r="N52" s="36">
        <v>-2</v>
      </c>
    </row>
    <row r="53" spans="1:14" ht="23.1" customHeight="1" x14ac:dyDescent="0.2">
      <c r="A53" s="26">
        <v>49</v>
      </c>
      <c r="B53" s="27" t="s">
        <v>58</v>
      </c>
      <c r="C53" s="28">
        <v>4350</v>
      </c>
      <c r="D53" s="29">
        <v>4411</v>
      </c>
      <c r="E53" s="29">
        <v>8761</v>
      </c>
      <c r="F53" s="30">
        <v>4360</v>
      </c>
      <c r="G53" s="31">
        <v>4346</v>
      </c>
      <c r="H53" s="32">
        <v>4402</v>
      </c>
      <c r="I53" s="32">
        <v>8748</v>
      </c>
      <c r="J53" s="33">
        <v>4359</v>
      </c>
      <c r="K53" s="34">
        <v>-4</v>
      </c>
      <c r="L53" s="35">
        <v>-9</v>
      </c>
      <c r="M53" s="35">
        <v>-13</v>
      </c>
      <c r="N53" s="36">
        <v>-1</v>
      </c>
    </row>
    <row r="54" spans="1:14" ht="23.1" customHeight="1" x14ac:dyDescent="0.2">
      <c r="A54" s="26">
        <v>50</v>
      </c>
      <c r="B54" s="27" t="s">
        <v>59</v>
      </c>
      <c r="C54" s="28">
        <v>6314</v>
      </c>
      <c r="D54" s="29">
        <v>6315</v>
      </c>
      <c r="E54" s="29">
        <v>12629</v>
      </c>
      <c r="F54" s="30">
        <v>6053</v>
      </c>
      <c r="G54" s="31">
        <v>6317</v>
      </c>
      <c r="H54" s="32">
        <v>6325</v>
      </c>
      <c r="I54" s="32">
        <v>12642</v>
      </c>
      <c r="J54" s="33">
        <v>6063</v>
      </c>
      <c r="K54" s="34">
        <v>3</v>
      </c>
      <c r="L54" s="35">
        <v>10</v>
      </c>
      <c r="M54" s="35">
        <v>13</v>
      </c>
      <c r="N54" s="36">
        <v>10</v>
      </c>
    </row>
    <row r="55" spans="1:14" ht="23.1" customHeight="1" x14ac:dyDescent="0.2">
      <c r="A55" s="26">
        <v>99</v>
      </c>
      <c r="B55" s="27" t="s">
        <v>60</v>
      </c>
      <c r="C55" s="28">
        <v>153109</v>
      </c>
      <c r="D55" s="29">
        <v>161050</v>
      </c>
      <c r="E55" s="29">
        <v>314159</v>
      </c>
      <c r="F55" s="30">
        <v>148262</v>
      </c>
      <c r="G55" s="31">
        <v>153117</v>
      </c>
      <c r="H55" s="32">
        <v>160980</v>
      </c>
      <c r="I55" s="32">
        <v>314097</v>
      </c>
      <c r="J55" s="33">
        <v>148394</v>
      </c>
      <c r="K55" s="34">
        <v>8</v>
      </c>
      <c r="L55" s="35">
        <v>-70</v>
      </c>
      <c r="M55" s="35">
        <v>-62</v>
      </c>
      <c r="N55" s="36">
        <v>132</v>
      </c>
    </row>
    <row r="56" spans="1:14" ht="23.1" customHeight="1" x14ac:dyDescent="0.2">
      <c r="A56" s="37">
        <v>101</v>
      </c>
      <c r="B56" s="38" t="s">
        <v>61</v>
      </c>
      <c r="C56" s="28">
        <v>129</v>
      </c>
      <c r="D56" s="29">
        <v>139</v>
      </c>
      <c r="E56" s="29">
        <v>268</v>
      </c>
      <c r="F56" s="30">
        <v>124</v>
      </c>
      <c r="G56" s="31">
        <v>129</v>
      </c>
      <c r="H56" s="32">
        <v>139</v>
      </c>
      <c r="I56" s="32">
        <v>268</v>
      </c>
      <c r="J56" s="33">
        <v>124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4</v>
      </c>
      <c r="D57" s="29">
        <v>120</v>
      </c>
      <c r="E57" s="29">
        <v>244</v>
      </c>
      <c r="F57" s="30">
        <v>107</v>
      </c>
      <c r="G57" s="31">
        <v>124</v>
      </c>
      <c r="H57" s="32">
        <v>120</v>
      </c>
      <c r="I57" s="32">
        <v>244</v>
      </c>
      <c r="J57" s="33">
        <v>108</v>
      </c>
      <c r="K57" s="34">
        <v>0</v>
      </c>
      <c r="L57" s="35">
        <v>0</v>
      </c>
      <c r="M57" s="35">
        <v>0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964</v>
      </c>
      <c r="D58" s="29">
        <v>957</v>
      </c>
      <c r="E58" s="29">
        <v>1921</v>
      </c>
      <c r="F58" s="30">
        <v>1007</v>
      </c>
      <c r="G58" s="31">
        <v>960</v>
      </c>
      <c r="H58" s="32">
        <v>950</v>
      </c>
      <c r="I58" s="32">
        <v>1910</v>
      </c>
      <c r="J58" s="33">
        <v>1001</v>
      </c>
      <c r="K58" s="34">
        <v>-4</v>
      </c>
      <c r="L58" s="35">
        <v>-7</v>
      </c>
      <c r="M58" s="35">
        <v>-11</v>
      </c>
      <c r="N58" s="36">
        <v>-6</v>
      </c>
    </row>
    <row r="59" spans="1:14" ht="23.1" customHeight="1" x14ac:dyDescent="0.2">
      <c r="A59" s="37">
        <v>104</v>
      </c>
      <c r="B59" s="38" t="s">
        <v>64</v>
      </c>
      <c r="C59" s="28">
        <v>5244</v>
      </c>
      <c r="D59" s="29">
        <v>5537</v>
      </c>
      <c r="E59" s="29">
        <v>10781</v>
      </c>
      <c r="F59" s="30">
        <v>4770</v>
      </c>
      <c r="G59" s="31">
        <v>5233</v>
      </c>
      <c r="H59" s="32">
        <v>5526</v>
      </c>
      <c r="I59" s="32">
        <v>10759</v>
      </c>
      <c r="J59" s="33">
        <v>4767</v>
      </c>
      <c r="K59" s="34">
        <v>-11</v>
      </c>
      <c r="L59" s="35">
        <v>-11</v>
      </c>
      <c r="M59" s="35">
        <v>-22</v>
      </c>
      <c r="N59" s="36">
        <v>-3</v>
      </c>
    </row>
    <row r="60" spans="1:14" ht="23.1" customHeight="1" x14ac:dyDescent="0.2">
      <c r="A60" s="37">
        <v>105</v>
      </c>
      <c r="B60" s="38" t="s">
        <v>65</v>
      </c>
      <c r="C60" s="28">
        <v>3888</v>
      </c>
      <c r="D60" s="29">
        <v>3974</v>
      </c>
      <c r="E60" s="29">
        <v>7862</v>
      </c>
      <c r="F60" s="30">
        <v>3180</v>
      </c>
      <c r="G60" s="31">
        <v>3894</v>
      </c>
      <c r="H60" s="32">
        <v>3972</v>
      </c>
      <c r="I60" s="32">
        <v>7866</v>
      </c>
      <c r="J60" s="33">
        <v>3178</v>
      </c>
      <c r="K60" s="34">
        <v>6</v>
      </c>
      <c r="L60" s="35">
        <v>-2</v>
      </c>
      <c r="M60" s="35">
        <v>4</v>
      </c>
      <c r="N60" s="36">
        <v>-2</v>
      </c>
    </row>
    <row r="61" spans="1:14" ht="23.1" customHeight="1" x14ac:dyDescent="0.2">
      <c r="A61" s="37">
        <v>199</v>
      </c>
      <c r="B61" s="38" t="s">
        <v>66</v>
      </c>
      <c r="C61" s="28">
        <v>10349</v>
      </c>
      <c r="D61" s="29">
        <v>10727</v>
      </c>
      <c r="E61" s="29">
        <v>21076</v>
      </c>
      <c r="F61" s="30">
        <v>9188</v>
      </c>
      <c r="G61" s="31">
        <v>10340</v>
      </c>
      <c r="H61" s="32">
        <v>10707</v>
      </c>
      <c r="I61" s="32">
        <v>21047</v>
      </c>
      <c r="J61" s="33">
        <v>9178</v>
      </c>
      <c r="K61" s="34">
        <v>-9</v>
      </c>
      <c r="L61" s="35">
        <v>-20</v>
      </c>
      <c r="M61" s="35">
        <v>-29</v>
      </c>
      <c r="N61" s="36">
        <v>-10</v>
      </c>
    </row>
    <row r="62" spans="1:14" ht="23.1" customHeight="1" x14ac:dyDescent="0.2">
      <c r="A62" s="37">
        <v>201</v>
      </c>
      <c r="B62" s="38" t="s">
        <v>67</v>
      </c>
      <c r="C62" s="28">
        <v>1171</v>
      </c>
      <c r="D62" s="29">
        <v>1274</v>
      </c>
      <c r="E62" s="29">
        <v>2445</v>
      </c>
      <c r="F62" s="30">
        <v>1093</v>
      </c>
      <c r="G62" s="31">
        <v>1166</v>
      </c>
      <c r="H62" s="32">
        <v>1274</v>
      </c>
      <c r="I62" s="32">
        <v>2440</v>
      </c>
      <c r="J62" s="33">
        <v>1096</v>
      </c>
      <c r="K62" s="34">
        <v>-5</v>
      </c>
      <c r="L62" s="35">
        <v>0</v>
      </c>
      <c r="M62" s="35">
        <v>-5</v>
      </c>
      <c r="N62" s="36">
        <v>3</v>
      </c>
    </row>
    <row r="63" spans="1:14" ht="23.1" customHeight="1" x14ac:dyDescent="0.2">
      <c r="A63" s="37">
        <v>202</v>
      </c>
      <c r="B63" s="38" t="s">
        <v>68</v>
      </c>
      <c r="C63" s="28">
        <v>341</v>
      </c>
      <c r="D63" s="29">
        <v>420</v>
      </c>
      <c r="E63" s="29">
        <v>761</v>
      </c>
      <c r="F63" s="30">
        <v>359</v>
      </c>
      <c r="G63" s="31">
        <v>350</v>
      </c>
      <c r="H63" s="32">
        <v>418</v>
      </c>
      <c r="I63" s="32">
        <v>768</v>
      </c>
      <c r="J63" s="33">
        <v>368</v>
      </c>
      <c r="K63" s="34">
        <v>9</v>
      </c>
      <c r="L63" s="35">
        <v>-2</v>
      </c>
      <c r="M63" s="35">
        <v>7</v>
      </c>
      <c r="N63" s="36">
        <v>9</v>
      </c>
    </row>
    <row r="64" spans="1:14" ht="23.1" customHeight="1" x14ac:dyDescent="0.2">
      <c r="A64" s="37">
        <v>203</v>
      </c>
      <c r="B64" s="38" t="s">
        <v>69</v>
      </c>
      <c r="C64" s="28">
        <v>2320</v>
      </c>
      <c r="D64" s="29">
        <v>2413</v>
      </c>
      <c r="E64" s="29">
        <v>4733</v>
      </c>
      <c r="F64" s="30">
        <v>1885</v>
      </c>
      <c r="G64" s="31">
        <v>2323</v>
      </c>
      <c r="H64" s="32">
        <v>2414</v>
      </c>
      <c r="I64" s="32">
        <v>4737</v>
      </c>
      <c r="J64" s="33">
        <v>1891</v>
      </c>
      <c r="K64" s="34">
        <v>3</v>
      </c>
      <c r="L64" s="35">
        <v>1</v>
      </c>
      <c r="M64" s="35">
        <v>4</v>
      </c>
      <c r="N64" s="36">
        <v>6</v>
      </c>
    </row>
    <row r="65" spans="1:14" ht="23.1" customHeight="1" x14ac:dyDescent="0.2">
      <c r="A65" s="37">
        <v>204</v>
      </c>
      <c r="B65" s="38" t="s">
        <v>70</v>
      </c>
      <c r="C65" s="28">
        <v>379</v>
      </c>
      <c r="D65" s="29">
        <v>414</v>
      </c>
      <c r="E65" s="29">
        <v>793</v>
      </c>
      <c r="F65" s="30">
        <v>351</v>
      </c>
      <c r="G65" s="31">
        <v>376</v>
      </c>
      <c r="H65" s="32">
        <v>413</v>
      </c>
      <c r="I65" s="32">
        <v>789</v>
      </c>
      <c r="J65" s="33">
        <v>350</v>
      </c>
      <c r="K65" s="34">
        <v>-3</v>
      </c>
      <c r="L65" s="35">
        <v>-1</v>
      </c>
      <c r="M65" s="35">
        <v>-4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211</v>
      </c>
      <c r="D66" s="29">
        <v>4521</v>
      </c>
      <c r="E66" s="29">
        <v>8732</v>
      </c>
      <c r="F66" s="30">
        <v>3688</v>
      </c>
      <c r="G66" s="31">
        <v>4215</v>
      </c>
      <c r="H66" s="32">
        <v>4519</v>
      </c>
      <c r="I66" s="32">
        <v>8734</v>
      </c>
      <c r="J66" s="33">
        <v>3705</v>
      </c>
      <c r="K66" s="34">
        <v>4</v>
      </c>
      <c r="L66" s="35">
        <v>-2</v>
      </c>
      <c r="M66" s="35">
        <v>2</v>
      </c>
      <c r="N66" s="36">
        <v>17</v>
      </c>
    </row>
    <row r="67" spans="1:14" ht="23.1" customHeight="1" x14ac:dyDescent="0.2">
      <c r="A67" s="37">
        <v>301</v>
      </c>
      <c r="B67" s="38" t="s">
        <v>72</v>
      </c>
      <c r="C67" s="28">
        <v>910</v>
      </c>
      <c r="D67" s="29">
        <v>973</v>
      </c>
      <c r="E67" s="29">
        <v>1883</v>
      </c>
      <c r="F67" s="30">
        <v>835</v>
      </c>
      <c r="G67" s="31">
        <v>910</v>
      </c>
      <c r="H67" s="32">
        <v>968</v>
      </c>
      <c r="I67" s="32">
        <v>1878</v>
      </c>
      <c r="J67" s="33">
        <v>834</v>
      </c>
      <c r="K67" s="34">
        <v>0</v>
      </c>
      <c r="L67" s="35">
        <v>-5</v>
      </c>
      <c r="M67" s="35">
        <v>-5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347</v>
      </c>
      <c r="D68" s="29">
        <v>3331</v>
      </c>
      <c r="E68" s="29">
        <v>6678</v>
      </c>
      <c r="F68" s="30">
        <v>2912</v>
      </c>
      <c r="G68" s="31">
        <v>3348</v>
      </c>
      <c r="H68" s="32">
        <v>3320</v>
      </c>
      <c r="I68" s="32">
        <v>6668</v>
      </c>
      <c r="J68" s="33">
        <v>2911</v>
      </c>
      <c r="K68" s="34">
        <v>1</v>
      </c>
      <c r="L68" s="35">
        <v>-11</v>
      </c>
      <c r="M68" s="35">
        <v>-10</v>
      </c>
      <c r="N68" s="36">
        <v>-1</v>
      </c>
    </row>
    <row r="69" spans="1:14" ht="23.1" customHeight="1" x14ac:dyDescent="0.2">
      <c r="A69" s="37">
        <v>303</v>
      </c>
      <c r="B69" s="38" t="s">
        <v>74</v>
      </c>
      <c r="C69" s="28">
        <v>3214</v>
      </c>
      <c r="D69" s="29">
        <v>3328</v>
      </c>
      <c r="E69" s="29">
        <v>6542</v>
      </c>
      <c r="F69" s="30">
        <v>2487</v>
      </c>
      <c r="G69" s="31">
        <v>3213</v>
      </c>
      <c r="H69" s="32">
        <v>3336</v>
      </c>
      <c r="I69" s="32">
        <v>6549</v>
      </c>
      <c r="J69" s="33">
        <v>2496</v>
      </c>
      <c r="K69" s="34">
        <v>-1</v>
      </c>
      <c r="L69" s="35">
        <v>8</v>
      </c>
      <c r="M69" s="35">
        <v>7</v>
      </c>
      <c r="N69" s="36">
        <v>9</v>
      </c>
    </row>
    <row r="70" spans="1:14" ht="23.1" customHeight="1" x14ac:dyDescent="0.2">
      <c r="A70" s="37">
        <v>304</v>
      </c>
      <c r="B70" s="38" t="s">
        <v>75</v>
      </c>
      <c r="C70" s="28">
        <v>340</v>
      </c>
      <c r="D70" s="29">
        <v>389</v>
      </c>
      <c r="E70" s="29">
        <v>729</v>
      </c>
      <c r="F70" s="30">
        <v>312</v>
      </c>
      <c r="G70" s="31">
        <v>338</v>
      </c>
      <c r="H70" s="32">
        <v>391</v>
      </c>
      <c r="I70" s="32">
        <v>729</v>
      </c>
      <c r="J70" s="33">
        <v>314</v>
      </c>
      <c r="K70" s="34">
        <v>-2</v>
      </c>
      <c r="L70" s="35">
        <v>2</v>
      </c>
      <c r="M70" s="35">
        <v>0</v>
      </c>
      <c r="N70" s="36">
        <v>2</v>
      </c>
    </row>
    <row r="71" spans="1:14" ht="23.1" customHeight="1" x14ac:dyDescent="0.2">
      <c r="A71" s="37">
        <v>305</v>
      </c>
      <c r="B71" s="38" t="s">
        <v>76</v>
      </c>
      <c r="C71" s="28">
        <v>178</v>
      </c>
      <c r="D71" s="29">
        <v>191</v>
      </c>
      <c r="E71" s="29">
        <v>369</v>
      </c>
      <c r="F71" s="30">
        <v>172</v>
      </c>
      <c r="G71" s="31">
        <v>179</v>
      </c>
      <c r="H71" s="32">
        <v>192</v>
      </c>
      <c r="I71" s="32">
        <v>371</v>
      </c>
      <c r="J71" s="33">
        <v>174</v>
      </c>
      <c r="K71" s="34">
        <v>1</v>
      </c>
      <c r="L71" s="35">
        <v>1</v>
      </c>
      <c r="M71" s="35">
        <v>2</v>
      </c>
      <c r="N71" s="36">
        <v>2</v>
      </c>
    </row>
    <row r="72" spans="1:14" ht="23.1" customHeight="1" x14ac:dyDescent="0.2">
      <c r="A72" s="37">
        <v>306</v>
      </c>
      <c r="B72" s="38" t="s">
        <v>77</v>
      </c>
      <c r="C72" s="28">
        <v>509</v>
      </c>
      <c r="D72" s="29">
        <v>583</v>
      </c>
      <c r="E72" s="29">
        <v>1092</v>
      </c>
      <c r="F72" s="30">
        <v>406</v>
      </c>
      <c r="G72" s="31">
        <v>508</v>
      </c>
      <c r="H72" s="32">
        <v>583</v>
      </c>
      <c r="I72" s="32">
        <v>1091</v>
      </c>
      <c r="J72" s="33">
        <v>405</v>
      </c>
      <c r="K72" s="34">
        <v>-1</v>
      </c>
      <c r="L72" s="35">
        <v>0</v>
      </c>
      <c r="M72" s="35">
        <v>-1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01</v>
      </c>
      <c r="D73" s="29">
        <v>297</v>
      </c>
      <c r="E73" s="29">
        <v>598</v>
      </c>
      <c r="F73" s="30">
        <v>294</v>
      </c>
      <c r="G73" s="31">
        <v>302</v>
      </c>
      <c r="H73" s="32">
        <v>296</v>
      </c>
      <c r="I73" s="32">
        <v>598</v>
      </c>
      <c r="J73" s="33">
        <v>295</v>
      </c>
      <c r="K73" s="34">
        <v>1</v>
      </c>
      <c r="L73" s="35">
        <v>-1</v>
      </c>
      <c r="M73" s="35">
        <v>0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56</v>
      </c>
      <c r="D74" s="29">
        <v>68</v>
      </c>
      <c r="E74" s="29">
        <v>124</v>
      </c>
      <c r="F74" s="30">
        <v>62</v>
      </c>
      <c r="G74" s="31">
        <v>54</v>
      </c>
      <c r="H74" s="32">
        <v>67</v>
      </c>
      <c r="I74" s="32">
        <v>121</v>
      </c>
      <c r="J74" s="33">
        <v>61</v>
      </c>
      <c r="K74" s="34">
        <v>-2</v>
      </c>
      <c r="L74" s="35">
        <v>-1</v>
      </c>
      <c r="M74" s="35">
        <v>-3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884</v>
      </c>
      <c r="D76" s="29">
        <v>9177</v>
      </c>
      <c r="E76" s="29">
        <v>18061</v>
      </c>
      <c r="F76" s="30">
        <v>7513</v>
      </c>
      <c r="G76" s="31">
        <v>8881</v>
      </c>
      <c r="H76" s="32">
        <v>9170</v>
      </c>
      <c r="I76" s="32">
        <v>18051</v>
      </c>
      <c r="J76" s="33">
        <v>7523</v>
      </c>
      <c r="K76" s="34">
        <v>-3</v>
      </c>
      <c r="L76" s="35">
        <v>-7</v>
      </c>
      <c r="M76" s="35">
        <v>-10</v>
      </c>
      <c r="N76" s="36">
        <v>10</v>
      </c>
    </row>
    <row r="77" spans="1:14" ht="23.1" customHeight="1" x14ac:dyDescent="0.2">
      <c r="A77" s="37">
        <v>401</v>
      </c>
      <c r="B77" s="38" t="s">
        <v>82</v>
      </c>
      <c r="C77" s="28">
        <v>5870</v>
      </c>
      <c r="D77" s="29">
        <v>5973</v>
      </c>
      <c r="E77" s="29">
        <v>11843</v>
      </c>
      <c r="F77" s="30">
        <v>4938</v>
      </c>
      <c r="G77" s="31">
        <v>5878</v>
      </c>
      <c r="H77" s="32">
        <v>5976</v>
      </c>
      <c r="I77" s="32">
        <v>11854</v>
      </c>
      <c r="J77" s="33">
        <v>4953</v>
      </c>
      <c r="K77" s="34">
        <v>8</v>
      </c>
      <c r="L77" s="35">
        <v>3</v>
      </c>
      <c r="M77" s="35">
        <v>11</v>
      </c>
      <c r="N77" s="36">
        <v>15</v>
      </c>
    </row>
    <row r="78" spans="1:14" ht="23.1" customHeight="1" x14ac:dyDescent="0.2">
      <c r="A78" s="37">
        <v>402</v>
      </c>
      <c r="B78" s="38" t="s">
        <v>83</v>
      </c>
      <c r="C78" s="28">
        <v>5788</v>
      </c>
      <c r="D78" s="29">
        <v>5984</v>
      </c>
      <c r="E78" s="29">
        <v>11772</v>
      </c>
      <c r="F78" s="30">
        <v>4862</v>
      </c>
      <c r="G78" s="31">
        <v>5811</v>
      </c>
      <c r="H78" s="32">
        <v>5989</v>
      </c>
      <c r="I78" s="32">
        <v>11800</v>
      </c>
      <c r="J78" s="33">
        <v>4891</v>
      </c>
      <c r="K78" s="34">
        <v>23</v>
      </c>
      <c r="L78" s="35">
        <v>5</v>
      </c>
      <c r="M78" s="35">
        <v>28</v>
      </c>
      <c r="N78" s="36">
        <v>29</v>
      </c>
    </row>
    <row r="79" spans="1:14" ht="23.1" customHeight="1" x14ac:dyDescent="0.2">
      <c r="A79" s="37">
        <v>403</v>
      </c>
      <c r="B79" s="38" t="s">
        <v>84</v>
      </c>
      <c r="C79" s="28">
        <v>661</v>
      </c>
      <c r="D79" s="29">
        <v>723</v>
      </c>
      <c r="E79" s="29">
        <v>1384</v>
      </c>
      <c r="F79" s="30">
        <v>517</v>
      </c>
      <c r="G79" s="31">
        <v>664</v>
      </c>
      <c r="H79" s="32">
        <v>721</v>
      </c>
      <c r="I79" s="32">
        <v>1385</v>
      </c>
      <c r="J79" s="33">
        <v>519</v>
      </c>
      <c r="K79" s="34">
        <v>3</v>
      </c>
      <c r="L79" s="35">
        <v>-2</v>
      </c>
      <c r="M79" s="35">
        <v>1</v>
      </c>
      <c r="N79" s="36">
        <v>2</v>
      </c>
    </row>
    <row r="80" spans="1:14" ht="23.1" customHeight="1" x14ac:dyDescent="0.2">
      <c r="A80" s="37">
        <v>404</v>
      </c>
      <c r="B80" s="38" t="s">
        <v>85</v>
      </c>
      <c r="C80" s="28">
        <v>1064</v>
      </c>
      <c r="D80" s="29">
        <v>1122</v>
      </c>
      <c r="E80" s="29">
        <v>2186</v>
      </c>
      <c r="F80" s="30">
        <v>808</v>
      </c>
      <c r="G80" s="31">
        <v>1062</v>
      </c>
      <c r="H80" s="32">
        <v>1123</v>
      </c>
      <c r="I80" s="32">
        <v>2185</v>
      </c>
      <c r="J80" s="33">
        <v>810</v>
      </c>
      <c r="K80" s="34">
        <v>-2</v>
      </c>
      <c r="L80" s="35">
        <v>1</v>
      </c>
      <c r="M80" s="35">
        <v>-1</v>
      </c>
      <c r="N80" s="36">
        <v>2</v>
      </c>
    </row>
    <row r="81" spans="1:14" ht="23.1" customHeight="1" x14ac:dyDescent="0.2">
      <c r="A81" s="37">
        <v>405</v>
      </c>
      <c r="B81" s="38" t="s">
        <v>86</v>
      </c>
      <c r="C81" s="28">
        <v>1795</v>
      </c>
      <c r="D81" s="29">
        <v>1833</v>
      </c>
      <c r="E81" s="29">
        <v>3628</v>
      </c>
      <c r="F81" s="30">
        <v>1459</v>
      </c>
      <c r="G81" s="31">
        <v>1797</v>
      </c>
      <c r="H81" s="32">
        <v>1834</v>
      </c>
      <c r="I81" s="32">
        <v>3631</v>
      </c>
      <c r="J81" s="33">
        <v>1467</v>
      </c>
      <c r="K81" s="34">
        <v>2</v>
      </c>
      <c r="L81" s="35">
        <v>1</v>
      </c>
      <c r="M81" s="35">
        <v>3</v>
      </c>
      <c r="N81" s="36">
        <v>8</v>
      </c>
    </row>
    <row r="82" spans="1:14" ht="23.1" customHeight="1" x14ac:dyDescent="0.2">
      <c r="A82" s="37">
        <v>406</v>
      </c>
      <c r="B82" s="38" t="s">
        <v>87</v>
      </c>
      <c r="C82" s="28">
        <v>1794</v>
      </c>
      <c r="D82" s="29">
        <v>1884</v>
      </c>
      <c r="E82" s="29">
        <v>3678</v>
      </c>
      <c r="F82" s="30">
        <v>1533</v>
      </c>
      <c r="G82" s="31">
        <v>1794</v>
      </c>
      <c r="H82" s="32">
        <v>1888</v>
      </c>
      <c r="I82" s="32">
        <v>3682</v>
      </c>
      <c r="J82" s="33">
        <v>1539</v>
      </c>
      <c r="K82" s="34">
        <v>0</v>
      </c>
      <c r="L82" s="35">
        <v>4</v>
      </c>
      <c r="M82" s="35">
        <v>4</v>
      </c>
      <c r="N82" s="36">
        <v>6</v>
      </c>
    </row>
    <row r="83" spans="1:14" ht="23.1" customHeight="1" x14ac:dyDescent="0.2">
      <c r="A83" s="37">
        <v>407</v>
      </c>
      <c r="B83" s="38" t="s">
        <v>88</v>
      </c>
      <c r="C83" s="28">
        <v>608</v>
      </c>
      <c r="D83" s="29">
        <v>624</v>
      </c>
      <c r="E83" s="29">
        <v>1232</v>
      </c>
      <c r="F83" s="30">
        <v>475</v>
      </c>
      <c r="G83" s="31">
        <v>606</v>
      </c>
      <c r="H83" s="32">
        <v>624</v>
      </c>
      <c r="I83" s="32">
        <v>1230</v>
      </c>
      <c r="J83" s="33">
        <v>474</v>
      </c>
      <c r="K83" s="34">
        <v>-2</v>
      </c>
      <c r="L83" s="35">
        <v>0</v>
      </c>
      <c r="M83" s="35">
        <v>-2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76</v>
      </c>
      <c r="D84" s="29">
        <v>2539</v>
      </c>
      <c r="E84" s="29">
        <v>4915</v>
      </c>
      <c r="F84" s="30">
        <v>1827</v>
      </c>
      <c r="G84" s="31">
        <v>2372</v>
      </c>
      <c r="H84" s="32">
        <v>2530</v>
      </c>
      <c r="I84" s="32">
        <v>4902</v>
      </c>
      <c r="J84" s="33">
        <v>1826</v>
      </c>
      <c r="K84" s="34">
        <v>-4</v>
      </c>
      <c r="L84" s="35">
        <v>-9</v>
      </c>
      <c r="M84" s="35">
        <v>-13</v>
      </c>
      <c r="N84" s="36">
        <v>-1</v>
      </c>
    </row>
    <row r="85" spans="1:14" ht="23.1" customHeight="1" x14ac:dyDescent="0.2">
      <c r="A85" s="37">
        <v>499</v>
      </c>
      <c r="B85" s="38" t="s">
        <v>90</v>
      </c>
      <c r="C85" s="28">
        <v>19956</v>
      </c>
      <c r="D85" s="29">
        <v>20682</v>
      </c>
      <c r="E85" s="29">
        <v>40638</v>
      </c>
      <c r="F85" s="30">
        <v>16419</v>
      </c>
      <c r="G85" s="31">
        <v>19984</v>
      </c>
      <c r="H85" s="32">
        <v>20685</v>
      </c>
      <c r="I85" s="32">
        <v>40669</v>
      </c>
      <c r="J85" s="33">
        <v>16479</v>
      </c>
      <c r="K85" s="34">
        <v>28</v>
      </c>
      <c r="L85" s="35">
        <v>3</v>
      </c>
      <c r="M85" s="35">
        <v>31</v>
      </c>
      <c r="N85" s="36">
        <v>60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3</v>
      </c>
      <c r="D87" s="29">
        <v>423</v>
      </c>
      <c r="E87" s="29">
        <v>816</v>
      </c>
      <c r="F87" s="30">
        <v>310</v>
      </c>
      <c r="G87" s="31">
        <v>392</v>
      </c>
      <c r="H87" s="32">
        <v>423</v>
      </c>
      <c r="I87" s="32">
        <v>815</v>
      </c>
      <c r="J87" s="33">
        <v>310</v>
      </c>
      <c r="K87" s="34">
        <v>-1</v>
      </c>
      <c r="L87" s="35">
        <v>0</v>
      </c>
      <c r="M87" s="35">
        <v>-1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0</v>
      </c>
      <c r="D88" s="29">
        <v>76</v>
      </c>
      <c r="E88" s="29">
        <v>156</v>
      </c>
      <c r="F88" s="30">
        <v>61</v>
      </c>
      <c r="G88" s="31">
        <v>80</v>
      </c>
      <c r="H88" s="32">
        <v>77</v>
      </c>
      <c r="I88" s="32">
        <v>157</v>
      </c>
      <c r="J88" s="33">
        <v>61</v>
      </c>
      <c r="K88" s="34">
        <v>0</v>
      </c>
      <c r="L88" s="35">
        <v>1</v>
      </c>
      <c r="M88" s="35">
        <v>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5</v>
      </c>
      <c r="D89" s="29">
        <v>124</v>
      </c>
      <c r="E89" s="29">
        <v>259</v>
      </c>
      <c r="F89" s="30">
        <v>124</v>
      </c>
      <c r="G89" s="31">
        <v>135</v>
      </c>
      <c r="H89" s="32">
        <v>123</v>
      </c>
      <c r="I89" s="32">
        <v>258</v>
      </c>
      <c r="J89" s="33">
        <v>124</v>
      </c>
      <c r="K89" s="34">
        <v>0</v>
      </c>
      <c r="L89" s="35">
        <v>-1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11</v>
      </c>
      <c r="D90" s="29">
        <v>630</v>
      </c>
      <c r="E90" s="29">
        <v>1241</v>
      </c>
      <c r="F90" s="30">
        <v>499</v>
      </c>
      <c r="G90" s="31">
        <v>610</v>
      </c>
      <c r="H90" s="32">
        <v>630</v>
      </c>
      <c r="I90" s="32">
        <v>1240</v>
      </c>
      <c r="J90" s="33">
        <v>499</v>
      </c>
      <c r="K90" s="34">
        <v>-1</v>
      </c>
      <c r="L90" s="35">
        <v>0</v>
      </c>
      <c r="M90" s="35">
        <v>-1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35</v>
      </c>
      <c r="D91" s="29">
        <v>456</v>
      </c>
      <c r="E91" s="29">
        <v>891</v>
      </c>
      <c r="F91" s="30">
        <v>390</v>
      </c>
      <c r="G91" s="31">
        <v>433</v>
      </c>
      <c r="H91" s="32">
        <v>452</v>
      </c>
      <c r="I91" s="32">
        <v>885</v>
      </c>
      <c r="J91" s="33">
        <v>388</v>
      </c>
      <c r="K91" s="34">
        <v>-2</v>
      </c>
      <c r="L91" s="35">
        <v>-4</v>
      </c>
      <c r="M91" s="35">
        <v>-6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05</v>
      </c>
      <c r="D92" s="29">
        <v>125</v>
      </c>
      <c r="E92" s="29">
        <v>230</v>
      </c>
      <c r="F92" s="30">
        <v>108</v>
      </c>
      <c r="G92" s="31">
        <v>104</v>
      </c>
      <c r="H92" s="32">
        <v>125</v>
      </c>
      <c r="I92" s="32">
        <v>229</v>
      </c>
      <c r="J92" s="33">
        <v>108</v>
      </c>
      <c r="K92" s="34">
        <v>-1</v>
      </c>
      <c r="L92" s="35">
        <v>0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40</v>
      </c>
      <c r="D93" s="42">
        <v>581</v>
      </c>
      <c r="E93" s="42">
        <v>1121</v>
      </c>
      <c r="F93" s="43">
        <v>498</v>
      </c>
      <c r="G93" s="44">
        <v>537</v>
      </c>
      <c r="H93" s="45">
        <v>577</v>
      </c>
      <c r="I93" s="45">
        <v>1114</v>
      </c>
      <c r="J93" s="46">
        <v>496</v>
      </c>
      <c r="K93" s="47">
        <v>-3</v>
      </c>
      <c r="L93" s="48">
        <v>-4</v>
      </c>
      <c r="M93" s="48">
        <v>-7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197660</v>
      </c>
      <c r="D94" s="53">
        <v>207368</v>
      </c>
      <c r="E94" s="53">
        <v>405028</v>
      </c>
      <c r="F94" s="54">
        <v>186067</v>
      </c>
      <c r="G94" s="55">
        <v>197684</v>
      </c>
      <c r="H94" s="56">
        <v>207268</v>
      </c>
      <c r="I94" s="56">
        <v>404952</v>
      </c>
      <c r="J94" s="57">
        <v>186274</v>
      </c>
      <c r="K94" s="58">
        <v>24</v>
      </c>
      <c r="L94" s="59">
        <v>-100</v>
      </c>
      <c r="M94" s="59">
        <v>-76</v>
      </c>
      <c r="N94" s="60">
        <v>207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6-04T01:23:22Z</dcterms:created>
  <dcterms:modified xsi:type="dcterms:W3CDTF">2024-06-04T01:23:23Z</dcterms:modified>
</cp:coreProperties>
</file>